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bookViews>
    <workbookView xWindow="0" yWindow="0" windowWidth="28800" windowHeight="1237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64" uniqueCount="64">
  <si>
    <t>第１１表　年度別、保険者別経理状況（全被保険者分）（その２-１）</t>
    <rPh sb="0" eb="1">
      <t>ダイ</t>
    </rPh>
    <rPh sb="3" eb="4">
      <t>ヒョウ</t>
    </rPh>
    <rPh sb="5" eb="8">
      <t>ネンドベツ</t>
    </rPh>
    <rPh sb="9" eb="12">
      <t>ホケンシャ</t>
    </rPh>
    <rPh sb="12" eb="13">
      <t>ベツ</t>
    </rPh>
    <rPh sb="13" eb="15">
      <t>ケイリ</t>
    </rPh>
    <rPh sb="15" eb="17">
      <t>ジョウキョウ</t>
    </rPh>
    <rPh sb="18" eb="23">
      <t>ゼンヒホケンシャ</t>
    </rPh>
    <rPh sb="23" eb="24">
      <t>ブン</t>
    </rPh>
    <phoneticPr fontId="3"/>
  </si>
  <si>
    <t>支出</t>
    <rPh sb="0" eb="2">
      <t>シシュツ</t>
    </rPh>
    <phoneticPr fontId="3"/>
  </si>
  <si>
    <t>番
号</t>
    <rPh sb="0" eb="1">
      <t>バン</t>
    </rPh>
    <rPh sb="2" eb="3">
      <t>ゴウ</t>
    </rPh>
    <phoneticPr fontId="3"/>
  </si>
  <si>
    <t>年　　度
保険者名</t>
    <rPh sb="0" eb="1">
      <t>ネン</t>
    </rPh>
    <rPh sb="3" eb="4">
      <t>ド</t>
    </rPh>
    <rPh sb="5" eb="8">
      <t>ホケンシャ</t>
    </rPh>
    <rPh sb="8" eb="9">
      <t>メイ</t>
    </rPh>
    <phoneticPr fontId="3"/>
  </si>
  <si>
    <t>総務費</t>
    <rPh sb="0" eb="3">
      <t>ソウムヒ</t>
    </rPh>
    <phoneticPr fontId="3"/>
  </si>
  <si>
    <t>保険給付費</t>
    <rPh sb="0" eb="2">
      <t>ホケン</t>
    </rPh>
    <rPh sb="2" eb="5">
      <t>キュウフヒ</t>
    </rPh>
    <phoneticPr fontId="3"/>
  </si>
  <si>
    <t>後期高齢者支援金等</t>
    <rPh sb="0" eb="2">
      <t>コウキ</t>
    </rPh>
    <rPh sb="2" eb="5">
      <t>コウレイシャ</t>
    </rPh>
    <rPh sb="5" eb="8">
      <t>シエンキン</t>
    </rPh>
    <rPh sb="8" eb="9">
      <t>トウ</t>
    </rPh>
    <phoneticPr fontId="3"/>
  </si>
  <si>
    <t>一般被保険者分</t>
    <rPh sb="0" eb="2">
      <t>イッパン</t>
    </rPh>
    <rPh sb="2" eb="6">
      <t>ヒホケンシャ</t>
    </rPh>
    <rPh sb="6" eb="7">
      <t>ブン</t>
    </rPh>
    <phoneticPr fontId="3"/>
  </si>
  <si>
    <t>退職被保険者等分</t>
    <rPh sb="0" eb="2">
      <t>タイショク</t>
    </rPh>
    <rPh sb="2" eb="6">
      <t>ヒホケンシャ</t>
    </rPh>
    <rPh sb="6" eb="7">
      <t>トウ</t>
    </rPh>
    <rPh sb="7" eb="8">
      <t>ブン</t>
    </rPh>
    <phoneticPr fontId="3"/>
  </si>
  <si>
    <t>審査
手数料</t>
    <rPh sb="0" eb="2">
      <t>シンサ</t>
    </rPh>
    <rPh sb="3" eb="6">
      <t>テスウリョウ</t>
    </rPh>
    <phoneticPr fontId="3"/>
  </si>
  <si>
    <t>計</t>
    <rPh sb="0" eb="1">
      <t>ケイ</t>
    </rPh>
    <phoneticPr fontId="3"/>
  </si>
  <si>
    <t>後期高齢者
支援金</t>
    <rPh sb="0" eb="2">
      <t>コウキ</t>
    </rPh>
    <rPh sb="2" eb="5">
      <t>コウレイシャ</t>
    </rPh>
    <rPh sb="6" eb="9">
      <t>シエンキン</t>
    </rPh>
    <phoneticPr fontId="3"/>
  </si>
  <si>
    <t>事務費
拠出金</t>
    <rPh sb="0" eb="3">
      <t>ジムヒ</t>
    </rPh>
    <rPh sb="4" eb="7">
      <t>キョシュツキン</t>
    </rPh>
    <phoneticPr fontId="3"/>
  </si>
  <si>
    <t>療養給付費</t>
    <rPh sb="0" eb="2">
      <t>リョウヨウ</t>
    </rPh>
    <rPh sb="2" eb="5">
      <t>キュウフヒ</t>
    </rPh>
    <phoneticPr fontId="3"/>
  </si>
  <si>
    <t>療養費</t>
    <rPh sb="0" eb="3">
      <t>リョウヨウヒ</t>
    </rPh>
    <phoneticPr fontId="3"/>
  </si>
  <si>
    <t>小計</t>
    <rPh sb="0" eb="2">
      <t>ショウケイ</t>
    </rPh>
    <phoneticPr fontId="3"/>
  </si>
  <si>
    <t>高額療養費</t>
    <rPh sb="0" eb="2">
      <t>コウガク</t>
    </rPh>
    <rPh sb="2" eb="5">
      <t>リョウヨウヒ</t>
    </rPh>
    <phoneticPr fontId="3"/>
  </si>
  <si>
    <t>高額介護
合算療養費</t>
    <rPh sb="0" eb="2">
      <t>コウガク</t>
    </rPh>
    <rPh sb="2" eb="4">
      <t>カイゴ</t>
    </rPh>
    <rPh sb="5" eb="7">
      <t>ガッサン</t>
    </rPh>
    <rPh sb="7" eb="10">
      <t>リョウヨウヒ</t>
    </rPh>
    <phoneticPr fontId="3"/>
  </si>
  <si>
    <t>移送費</t>
    <rPh sb="0" eb="3">
      <t>イソウヒ</t>
    </rPh>
    <phoneticPr fontId="3"/>
  </si>
  <si>
    <t>出産育児</t>
    <rPh sb="0" eb="2">
      <t>シュッサン</t>
    </rPh>
    <rPh sb="2" eb="4">
      <t>イクジ</t>
    </rPh>
    <phoneticPr fontId="3"/>
  </si>
  <si>
    <t>葬祭諸費</t>
    <rPh sb="0" eb="4">
      <t>ソウサイヒ</t>
    </rPh>
    <phoneticPr fontId="3"/>
  </si>
  <si>
    <t>育児諸費</t>
    <rPh sb="0" eb="2">
      <t>イクジ</t>
    </rPh>
    <rPh sb="2" eb="4">
      <t>ショヒ</t>
    </rPh>
    <phoneticPr fontId="3"/>
  </si>
  <si>
    <t>その他</t>
    <rPh sb="0" eb="3">
      <t>ソノタ</t>
    </rPh>
    <phoneticPr fontId="3"/>
  </si>
  <si>
    <t>療給療養費</t>
    <rPh sb="0" eb="2">
      <t>リョウキュウ</t>
    </rPh>
    <rPh sb="2" eb="5">
      <t>リョウヨウヒ</t>
    </rPh>
    <phoneticPr fontId="3"/>
  </si>
  <si>
    <t>千円</t>
    <rPh sb="0" eb="2">
      <t>センエン</t>
    </rPh>
    <phoneticPr fontId="3"/>
  </si>
  <si>
    <t>平成18年度</t>
    <rPh sb="0" eb="2">
      <t>ヘイセイ</t>
    </rPh>
    <rPh sb="4" eb="6">
      <t>ネンド</t>
    </rPh>
    <phoneticPr fontId="3"/>
  </si>
  <si>
    <t>-</t>
    <phoneticPr fontId="3"/>
  </si>
  <si>
    <t>平成19年度</t>
    <rPh sb="0" eb="2">
      <t>ヘイセイ</t>
    </rPh>
    <rPh sb="4" eb="6">
      <t>ネンド</t>
    </rPh>
    <phoneticPr fontId="3"/>
  </si>
  <si>
    <t>平成20年度</t>
    <rPh sb="0" eb="2">
      <t>ヘイセイ</t>
    </rPh>
    <rPh sb="4" eb="6">
      <t>ネンド</t>
    </rPh>
    <phoneticPr fontId="3"/>
  </si>
  <si>
    <t>平成21年度</t>
    <rPh sb="0" eb="2">
      <t>ヘイセイ</t>
    </rPh>
    <rPh sb="4" eb="6">
      <t>ネンド</t>
    </rPh>
    <phoneticPr fontId="3"/>
  </si>
  <si>
    <t>平成22年度</t>
    <rPh sb="0" eb="2">
      <t>ヘイセイ</t>
    </rPh>
    <rPh sb="4" eb="6">
      <t>ネンド</t>
    </rPh>
    <phoneticPr fontId="3"/>
  </si>
  <si>
    <t>平成23年度</t>
    <rPh sb="0" eb="2">
      <t>ヘイセイ</t>
    </rPh>
    <rPh sb="4" eb="6">
      <t>ネンド</t>
    </rPh>
    <phoneticPr fontId="3"/>
  </si>
  <si>
    <t>平成24年度</t>
    <rPh sb="0" eb="2">
      <t>ヘイセイ</t>
    </rPh>
    <rPh sb="4" eb="6">
      <t>ネンド</t>
    </rPh>
    <phoneticPr fontId="3"/>
  </si>
  <si>
    <t>平成25年度</t>
    <rPh sb="0" eb="2">
      <t>ヘイセイ</t>
    </rPh>
    <rPh sb="4" eb="6">
      <t>ネンド</t>
    </rPh>
    <phoneticPr fontId="3"/>
  </si>
  <si>
    <t>平成26年度</t>
    <rPh sb="0" eb="2">
      <t>ヘイセイ</t>
    </rPh>
    <rPh sb="4" eb="6">
      <t>ネンド</t>
    </rPh>
    <phoneticPr fontId="3"/>
  </si>
  <si>
    <t>平成27年度</t>
    <rPh sb="0" eb="2">
      <t>ヘイセイ</t>
    </rPh>
    <rPh sb="4" eb="6">
      <t>ネンド</t>
    </rPh>
    <phoneticPr fontId="3"/>
  </si>
  <si>
    <t>平成28年度</t>
    <rPh sb="0" eb="2">
      <t>ヘイセイ</t>
    </rPh>
    <rPh sb="4" eb="6">
      <t>ネンド</t>
    </rPh>
    <phoneticPr fontId="3"/>
  </si>
  <si>
    <t>平成30年度</t>
    <rPh sb="0" eb="2">
      <t>ヘイセイ</t>
    </rPh>
    <rPh sb="4" eb="6">
      <t>ネンド</t>
    </rPh>
    <phoneticPr fontId="3"/>
  </si>
  <si>
    <t>令和２年度</t>
    <rPh sb="0" eb="2">
      <t>レイワ</t>
    </rPh>
    <rPh sb="3" eb="5">
      <t>ネンド</t>
    </rPh>
    <phoneticPr fontId="3"/>
  </si>
  <si>
    <t>令和３年度</t>
    <rPh sb="0" eb="2">
      <t>レイワ</t>
    </rPh>
    <rPh sb="3" eb="5">
      <t>ネンド</t>
    </rPh>
    <phoneticPr fontId="3"/>
  </si>
  <si>
    <t xml:space="preserve"> 松江市</t>
  </si>
  <si>
    <t>-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市町村計</t>
  </si>
  <si>
    <t xml:space="preserve"> 医師組合</t>
  </si>
  <si>
    <t>令和元年度</t>
    <rPh sb="0" eb="2">
      <t>レイワ</t>
    </rPh>
    <rPh sb="2" eb="4">
      <t>ガンネン</t>
    </rPh>
    <rPh sb="3" eb="5">
      <t>ネンド</t>
    </rPh>
    <phoneticPr fontId="3"/>
  </si>
  <si>
    <t>令和４年度</t>
    <rPh sb="0" eb="2">
      <t>レイワ</t>
    </rPh>
    <rPh sb="3" eb="5">
      <t>ネンド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#,##0_ ;[Red]\-#,##0\ "/>
    <numFmt numFmtId="177" formatCode="#,##0_ "/>
    <numFmt numFmtId="178" formatCode="000"/>
  </numFmts>
  <fonts count="5" x14ac:knownFonts="1">
    <font>
      <sz val="11"/>
      <color theme="1"/>
      <name val="游ゴシック"/>
      <family val="2"/>
      <charset val="128"/>
      <scheme val="minor"/>
    </font>
    <font>
      <sz val="10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明朝"/>
      <family val="1"/>
      <charset val="128"/>
    </font>
    <font>
      <sz val="11"/>
      <name val="游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7">
    <xf numFmtId="0" fontId="0" fillId="0" borderId="0" xfId="0">
      <alignment vertical="center"/>
    </xf>
    <xf numFmtId="0" fontId="1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 wrapText="1"/>
    </xf>
    <xf numFmtId="0" fontId="1" fillId="0" borderId="2" xfId="0" applyFont="1" applyBorder="1" applyAlignment="1">
      <alignment horizontal="center" vertical="center" wrapText="1"/>
    </xf>
    <xf numFmtId="0" fontId="1" fillId="0" borderId="1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3" xfId="0" applyFont="1" applyFill="1" applyBorder="1" applyAlignment="1">
      <alignment horizontal="center" vertical="center"/>
    </xf>
    <xf numFmtId="0" fontId="1" fillId="0" borderId="4" xfId="0" applyFont="1" applyFill="1" applyBorder="1" applyAlignment="1">
      <alignment horizontal="center" vertical="center"/>
    </xf>
    <xf numFmtId="0" fontId="1" fillId="0" borderId="5" xfId="0" applyFont="1" applyFill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1" xfId="0" applyNumberFormat="1" applyFont="1" applyFill="1" applyBorder="1" applyAlignment="1">
      <alignment vertical="center"/>
    </xf>
    <xf numFmtId="176" fontId="1" fillId="0" borderId="2" xfId="0" applyNumberFormat="1" applyFont="1" applyFill="1" applyBorder="1" applyAlignment="1">
      <alignment vertical="center"/>
    </xf>
    <xf numFmtId="0" fontId="1" fillId="0" borderId="1" xfId="0" applyNumberFormat="1" applyFont="1" applyFill="1" applyBorder="1" applyAlignment="1">
      <alignment horizontal="right" vertical="center"/>
    </xf>
    <xf numFmtId="0" fontId="1" fillId="0" borderId="6" xfId="0" applyNumberFormat="1" applyFont="1" applyFill="1" applyBorder="1" applyAlignment="1">
      <alignment vertical="center"/>
    </xf>
    <xf numFmtId="0" fontId="1" fillId="0" borderId="7" xfId="0" applyNumberFormat="1" applyFont="1" applyFill="1" applyBorder="1" applyAlignment="1">
      <alignment horizontal="center" vertical="center"/>
    </xf>
    <xf numFmtId="177" fontId="1" fillId="0" borderId="6" xfId="0" applyNumberFormat="1" applyFont="1" applyFill="1" applyBorder="1" applyAlignment="1">
      <alignment horizontal="right" vertical="center"/>
    </xf>
    <xf numFmtId="178" fontId="1" fillId="0" borderId="6" xfId="0" applyNumberFormat="1" applyFont="1" applyFill="1" applyBorder="1" applyAlignment="1">
      <alignment horizontal="center" vertical="center"/>
    </xf>
    <xf numFmtId="178" fontId="1" fillId="0" borderId="8" xfId="0" applyNumberFormat="1" applyFont="1" applyFill="1" applyBorder="1" applyAlignment="1">
      <alignment horizontal="center" vertical="center"/>
    </xf>
    <xf numFmtId="0" fontId="1" fillId="0" borderId="8" xfId="0" applyNumberFormat="1" applyFont="1" applyFill="1" applyBorder="1" applyAlignment="1">
      <alignment horizontal="center" vertical="center"/>
    </xf>
    <xf numFmtId="0" fontId="1" fillId="0" borderId="9" xfId="0" applyNumberFormat="1" applyFont="1" applyFill="1" applyBorder="1" applyAlignment="1">
      <alignment horizontal="left" vertical="center"/>
    </xf>
    <xf numFmtId="178" fontId="1" fillId="0" borderId="10" xfId="0" applyNumberFormat="1" applyFont="1" applyFill="1" applyBorder="1" applyAlignment="1">
      <alignment horizontal="center" vertical="center"/>
    </xf>
    <xf numFmtId="0" fontId="1" fillId="0" borderId="5" xfId="0" applyNumberFormat="1" applyFont="1" applyFill="1" applyBorder="1" applyAlignment="1">
      <alignment horizontal="left" vertical="center"/>
    </xf>
    <xf numFmtId="0" fontId="1" fillId="0" borderId="5" xfId="0" applyNumberFormat="1" applyFont="1" applyFill="1" applyBorder="1" applyAlignment="1">
      <alignment horizontal="center" vertical="center"/>
    </xf>
    <xf numFmtId="0" fontId="1" fillId="0" borderId="9" xfId="0" applyNumberFormat="1" applyFont="1" applyFill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 wrapText="1"/>
    </xf>
    <xf numFmtId="0" fontId="4" fillId="0" borderId="8" xfId="0" applyFont="1" applyBorder="1" applyAlignment="1">
      <alignment horizontal="center" vertical="center"/>
    </xf>
    <xf numFmtId="177" fontId="1" fillId="0" borderId="8" xfId="0" applyNumberFormat="1" applyFont="1" applyFill="1" applyBorder="1" applyAlignment="1">
      <alignment horizontal="right" vertical="center"/>
    </xf>
    <xf numFmtId="177" fontId="1" fillId="0" borderId="10" xfId="0" applyNumberFormat="1" applyFont="1" applyFill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45"/>
  <sheetViews>
    <sheetView tabSelected="1" workbookViewId="0">
      <selection sqref="A1:X45"/>
    </sheetView>
  </sheetViews>
  <sheetFormatPr defaultRowHeight="18" x14ac:dyDescent="0.55000000000000004"/>
  <cols>
    <col min="1" max="1" width="8.75" bestFit="1" customWidth="1"/>
    <col min="3" max="3" width="8.75" bestFit="1" customWidth="1"/>
    <col min="4" max="4" width="9" bestFit="1" customWidth="1"/>
    <col min="5" max="5" width="8.75" bestFit="1" customWidth="1"/>
    <col min="6" max="6" width="9" bestFit="1" customWidth="1"/>
    <col min="7" max="13" width="8.75" bestFit="1" customWidth="1"/>
    <col min="14" max="15" width="9" bestFit="1" customWidth="1"/>
    <col min="16" max="18" width="8.75" bestFit="1" customWidth="1"/>
    <col min="19" max="19" width="9" bestFit="1" customWidth="1"/>
    <col min="20" max="20" width="8.75" bestFit="1" customWidth="1"/>
    <col min="21" max="21" width="9" bestFit="1" customWidth="1"/>
    <col min="22" max="24" width="8.75" bestFit="1" customWidth="1"/>
  </cols>
  <sheetData>
    <row r="1" spans="1:24" x14ac:dyDescent="0.55000000000000004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</row>
    <row r="2" spans="1:24" x14ac:dyDescent="0.55000000000000004">
      <c r="A2" s="1" t="s">
        <v>1</v>
      </c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</row>
    <row r="3" spans="1:24" x14ac:dyDescent="0.55000000000000004">
      <c r="A3" s="2" t="s">
        <v>2</v>
      </c>
      <c r="B3" s="3" t="s">
        <v>3</v>
      </c>
      <c r="C3" s="4" t="s">
        <v>4</v>
      </c>
      <c r="D3" s="5" t="s">
        <v>5</v>
      </c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  <c r="Q3" s="6"/>
      <c r="R3" s="6"/>
      <c r="S3" s="6"/>
      <c r="T3" s="6"/>
      <c r="U3" s="7"/>
      <c r="V3" s="5" t="s">
        <v>6</v>
      </c>
      <c r="W3" s="31"/>
      <c r="X3" s="32"/>
    </row>
    <row r="4" spans="1:24" x14ac:dyDescent="0.55000000000000004">
      <c r="A4" s="8"/>
      <c r="B4" s="9"/>
      <c r="C4" s="8"/>
      <c r="D4" s="10" t="s">
        <v>7</v>
      </c>
      <c r="E4" s="11"/>
      <c r="F4" s="11"/>
      <c r="G4" s="11"/>
      <c r="H4" s="11"/>
      <c r="I4" s="11"/>
      <c r="J4" s="11"/>
      <c r="K4" s="11"/>
      <c r="L4" s="11"/>
      <c r="M4" s="11"/>
      <c r="N4" s="12"/>
      <c r="O4" s="5" t="s">
        <v>8</v>
      </c>
      <c r="P4" s="6"/>
      <c r="Q4" s="6"/>
      <c r="R4" s="6"/>
      <c r="S4" s="7"/>
      <c r="T4" s="2" t="s">
        <v>9</v>
      </c>
      <c r="U4" s="4" t="s">
        <v>10</v>
      </c>
      <c r="V4" s="2" t="s">
        <v>11</v>
      </c>
      <c r="W4" s="2" t="s">
        <v>12</v>
      </c>
      <c r="X4" s="4" t="s">
        <v>10</v>
      </c>
    </row>
    <row r="5" spans="1:24" ht="36" x14ac:dyDescent="0.55000000000000004">
      <c r="A5" s="13"/>
      <c r="B5" s="14"/>
      <c r="C5" s="13"/>
      <c r="D5" s="15" t="s">
        <v>13</v>
      </c>
      <c r="E5" s="16" t="s">
        <v>14</v>
      </c>
      <c r="F5" s="16" t="s">
        <v>15</v>
      </c>
      <c r="G5" s="16" t="s">
        <v>16</v>
      </c>
      <c r="H5" s="33" t="s">
        <v>17</v>
      </c>
      <c r="I5" s="16" t="s">
        <v>18</v>
      </c>
      <c r="J5" s="16" t="s">
        <v>19</v>
      </c>
      <c r="K5" s="16" t="s">
        <v>20</v>
      </c>
      <c r="L5" s="16" t="s">
        <v>21</v>
      </c>
      <c r="M5" s="16" t="s">
        <v>22</v>
      </c>
      <c r="N5" s="16" t="s">
        <v>10</v>
      </c>
      <c r="O5" s="16" t="s">
        <v>23</v>
      </c>
      <c r="P5" s="16" t="s">
        <v>16</v>
      </c>
      <c r="Q5" s="33" t="s">
        <v>17</v>
      </c>
      <c r="R5" s="16" t="s">
        <v>18</v>
      </c>
      <c r="S5" s="16" t="s">
        <v>10</v>
      </c>
      <c r="T5" s="13"/>
      <c r="U5" s="13"/>
      <c r="V5" s="34"/>
      <c r="W5" s="13"/>
      <c r="X5" s="13"/>
    </row>
    <row r="6" spans="1:24" x14ac:dyDescent="0.55000000000000004">
      <c r="A6" s="17"/>
      <c r="B6" s="18"/>
      <c r="C6" s="19" t="s">
        <v>24</v>
      </c>
      <c r="D6" s="19" t="s">
        <v>24</v>
      </c>
      <c r="E6" s="19" t="s">
        <v>24</v>
      </c>
      <c r="F6" s="19" t="s">
        <v>24</v>
      </c>
      <c r="G6" s="19" t="s">
        <v>24</v>
      </c>
      <c r="H6" s="19" t="s">
        <v>24</v>
      </c>
      <c r="I6" s="19" t="s">
        <v>24</v>
      </c>
      <c r="J6" s="19" t="s">
        <v>24</v>
      </c>
      <c r="K6" s="19" t="s">
        <v>24</v>
      </c>
      <c r="L6" s="19" t="s">
        <v>24</v>
      </c>
      <c r="M6" s="19" t="s">
        <v>24</v>
      </c>
      <c r="N6" s="19" t="s">
        <v>24</v>
      </c>
      <c r="O6" s="19" t="s">
        <v>24</v>
      </c>
      <c r="P6" s="19" t="s">
        <v>24</v>
      </c>
      <c r="Q6" s="19" t="s">
        <v>24</v>
      </c>
      <c r="R6" s="19" t="s">
        <v>24</v>
      </c>
      <c r="S6" s="19" t="s">
        <v>24</v>
      </c>
      <c r="T6" s="19" t="s">
        <v>24</v>
      </c>
      <c r="U6" s="19" t="s">
        <v>24</v>
      </c>
      <c r="V6" s="19" t="s">
        <v>24</v>
      </c>
      <c r="W6" s="19" t="s">
        <v>24</v>
      </c>
      <c r="X6" s="19" t="s">
        <v>24</v>
      </c>
    </row>
    <row r="7" spans="1:24" hidden="1" x14ac:dyDescent="0.55000000000000004">
      <c r="A7" s="20"/>
      <c r="B7" s="21" t="s">
        <v>25</v>
      </c>
      <c r="C7" s="22">
        <v>1460086</v>
      </c>
      <c r="D7" s="22">
        <v>23960201</v>
      </c>
      <c r="E7" s="22">
        <v>92648</v>
      </c>
      <c r="F7" s="22">
        <v>24052849</v>
      </c>
      <c r="G7" s="22">
        <v>2906587</v>
      </c>
      <c r="H7" s="22" t="s">
        <v>26</v>
      </c>
      <c r="I7" s="22">
        <v>103</v>
      </c>
      <c r="J7" s="22">
        <v>210200</v>
      </c>
      <c r="K7" s="22">
        <v>166825</v>
      </c>
      <c r="L7" s="22">
        <v>0</v>
      </c>
      <c r="M7" s="22">
        <v>18637</v>
      </c>
      <c r="N7" s="22">
        <v>27355201</v>
      </c>
      <c r="O7" s="22">
        <v>17049235</v>
      </c>
      <c r="P7" s="22">
        <v>1284461</v>
      </c>
      <c r="Q7" s="22" t="s">
        <v>26</v>
      </c>
      <c r="R7" s="22">
        <v>47</v>
      </c>
      <c r="S7" s="22">
        <v>18333743</v>
      </c>
      <c r="T7" s="22">
        <v>168438</v>
      </c>
      <c r="U7" s="22">
        <v>45857383</v>
      </c>
      <c r="V7" s="22" t="s">
        <v>26</v>
      </c>
      <c r="W7" s="22" t="s">
        <v>26</v>
      </c>
      <c r="X7" s="22" t="s">
        <v>26</v>
      </c>
    </row>
    <row r="8" spans="1:24" hidden="1" x14ac:dyDescent="0.55000000000000004">
      <c r="A8" s="20"/>
      <c r="B8" s="21" t="s">
        <v>27</v>
      </c>
      <c r="C8" s="22">
        <v>2129857</v>
      </c>
      <c r="D8" s="22">
        <v>25084334</v>
      </c>
      <c r="E8" s="22">
        <v>90903</v>
      </c>
      <c r="F8" s="22">
        <v>25175236</v>
      </c>
      <c r="G8" s="22">
        <v>3058647</v>
      </c>
      <c r="H8" s="22" t="s">
        <v>26</v>
      </c>
      <c r="I8" s="22">
        <v>76</v>
      </c>
      <c r="J8" s="22">
        <v>206500</v>
      </c>
      <c r="K8" s="22">
        <v>181595</v>
      </c>
      <c r="L8" s="22">
        <v>0</v>
      </c>
      <c r="M8" s="22">
        <v>20504</v>
      </c>
      <c r="N8" s="22">
        <v>28642559</v>
      </c>
      <c r="O8" s="22">
        <v>19264952</v>
      </c>
      <c r="P8" s="22">
        <v>1396590</v>
      </c>
      <c r="Q8" s="22" t="s">
        <v>26</v>
      </c>
      <c r="R8" s="22">
        <v>134</v>
      </c>
      <c r="S8" s="22">
        <v>20661676</v>
      </c>
      <c r="T8" s="22">
        <v>179046</v>
      </c>
      <c r="U8" s="22">
        <v>49483281</v>
      </c>
      <c r="V8" s="22" t="s">
        <v>26</v>
      </c>
      <c r="W8" s="22" t="s">
        <v>26</v>
      </c>
      <c r="X8" s="22" t="s">
        <v>26</v>
      </c>
    </row>
    <row r="9" spans="1:24" hidden="1" x14ac:dyDescent="0.55000000000000004">
      <c r="A9" s="20"/>
      <c r="B9" s="21" t="s">
        <v>28</v>
      </c>
      <c r="C9" s="22">
        <v>1613227</v>
      </c>
      <c r="D9" s="22">
        <v>38953160</v>
      </c>
      <c r="E9" s="22">
        <v>162083</v>
      </c>
      <c r="F9" s="22">
        <v>39115243</v>
      </c>
      <c r="G9" s="22">
        <v>4407585</v>
      </c>
      <c r="H9" s="22">
        <v>0</v>
      </c>
      <c r="I9" s="22">
        <v>145</v>
      </c>
      <c r="J9" s="22">
        <v>218499</v>
      </c>
      <c r="K9" s="22">
        <v>44735</v>
      </c>
      <c r="L9" s="22">
        <v>0</v>
      </c>
      <c r="M9" s="22">
        <v>9188</v>
      </c>
      <c r="N9" s="22">
        <v>43795395</v>
      </c>
      <c r="O9" s="22">
        <v>4651057</v>
      </c>
      <c r="P9" s="22">
        <v>597588</v>
      </c>
      <c r="Q9" s="22">
        <v>0</v>
      </c>
      <c r="R9" s="22">
        <v>19</v>
      </c>
      <c r="S9" s="22">
        <v>5248664</v>
      </c>
      <c r="T9" s="22">
        <v>181785</v>
      </c>
      <c r="U9" s="22">
        <v>49225844</v>
      </c>
      <c r="V9" s="22">
        <v>7232137</v>
      </c>
      <c r="W9" s="22">
        <v>1135</v>
      </c>
      <c r="X9" s="22">
        <v>7233272</v>
      </c>
    </row>
    <row r="10" spans="1:24" hidden="1" x14ac:dyDescent="0.55000000000000004">
      <c r="A10" s="20"/>
      <c r="B10" s="21" t="s">
        <v>29</v>
      </c>
      <c r="C10" s="22">
        <v>1566052</v>
      </c>
      <c r="D10" s="22">
        <v>41133099</v>
      </c>
      <c r="E10" s="22">
        <v>194791</v>
      </c>
      <c r="F10" s="22">
        <v>41327890</v>
      </c>
      <c r="G10" s="22">
        <v>4978175</v>
      </c>
      <c r="H10" s="22">
        <v>1301</v>
      </c>
      <c r="I10" s="22">
        <v>402</v>
      </c>
      <c r="J10" s="22">
        <v>206407</v>
      </c>
      <c r="K10" s="22">
        <v>36685</v>
      </c>
      <c r="L10" s="22">
        <v>0</v>
      </c>
      <c r="M10" s="22">
        <v>10349</v>
      </c>
      <c r="N10" s="22">
        <v>46561210</v>
      </c>
      <c r="O10" s="22">
        <v>3502413</v>
      </c>
      <c r="P10" s="22">
        <v>454825</v>
      </c>
      <c r="Q10" s="22">
        <v>42</v>
      </c>
      <c r="R10" s="22">
        <v>32</v>
      </c>
      <c r="S10" s="22">
        <v>3957311</v>
      </c>
      <c r="T10" s="22">
        <v>184869</v>
      </c>
      <c r="U10" s="22">
        <v>50703390</v>
      </c>
      <c r="V10" s="22">
        <v>7976442</v>
      </c>
      <c r="W10" s="22">
        <v>1085</v>
      </c>
      <c r="X10" s="22">
        <v>7977528</v>
      </c>
    </row>
    <row r="11" spans="1:24" hidden="1" x14ac:dyDescent="0.55000000000000004">
      <c r="A11" s="20"/>
      <c r="B11" s="21" t="s">
        <v>30</v>
      </c>
      <c r="C11" s="22">
        <v>1627835</v>
      </c>
      <c r="D11" s="22">
        <v>41261310</v>
      </c>
      <c r="E11" s="22">
        <v>197401</v>
      </c>
      <c r="F11" s="22">
        <v>41458711</v>
      </c>
      <c r="G11" s="22">
        <v>5235489</v>
      </c>
      <c r="H11" s="22">
        <v>2419</v>
      </c>
      <c r="I11" s="22">
        <v>205</v>
      </c>
      <c r="J11" s="22">
        <v>244015</v>
      </c>
      <c r="K11" s="22">
        <v>37320</v>
      </c>
      <c r="L11" s="22">
        <v>0</v>
      </c>
      <c r="M11" s="22">
        <v>12904</v>
      </c>
      <c r="N11" s="22">
        <v>46991063</v>
      </c>
      <c r="O11" s="22">
        <v>3917397</v>
      </c>
      <c r="P11" s="22">
        <v>529629</v>
      </c>
      <c r="Q11" s="22">
        <v>114</v>
      </c>
      <c r="R11" s="22">
        <v>8</v>
      </c>
      <c r="S11" s="22">
        <v>4447148</v>
      </c>
      <c r="T11" s="22">
        <v>181703</v>
      </c>
      <c r="U11" s="22">
        <v>51619914</v>
      </c>
      <c r="V11" s="22">
        <v>7119192</v>
      </c>
      <c r="W11" s="22">
        <v>926</v>
      </c>
      <c r="X11" s="22">
        <v>7120118</v>
      </c>
    </row>
    <row r="12" spans="1:24" hidden="1" x14ac:dyDescent="0.55000000000000004">
      <c r="A12" s="20"/>
      <c r="B12" s="21" t="s">
        <v>31</v>
      </c>
      <c r="C12" s="22">
        <v>1461734</v>
      </c>
      <c r="D12" s="22">
        <v>41197214</v>
      </c>
      <c r="E12" s="22">
        <v>196831</v>
      </c>
      <c r="F12" s="22">
        <v>41394045</v>
      </c>
      <c r="G12" s="22">
        <v>5331600</v>
      </c>
      <c r="H12" s="22">
        <v>2065</v>
      </c>
      <c r="I12" s="22">
        <v>318</v>
      </c>
      <c r="J12" s="22">
        <v>215458</v>
      </c>
      <c r="K12" s="22">
        <v>34225</v>
      </c>
      <c r="L12" s="22">
        <v>0</v>
      </c>
      <c r="M12" s="22">
        <v>9261</v>
      </c>
      <c r="N12" s="22">
        <v>46986972</v>
      </c>
      <c r="O12" s="22">
        <v>4417546</v>
      </c>
      <c r="P12" s="22">
        <v>629300</v>
      </c>
      <c r="Q12" s="22">
        <v>142</v>
      </c>
      <c r="R12" s="22">
        <v>35</v>
      </c>
      <c r="S12" s="22">
        <v>5047022</v>
      </c>
      <c r="T12" s="22">
        <v>181060</v>
      </c>
      <c r="U12" s="22">
        <v>52215055</v>
      </c>
      <c r="V12" s="22">
        <v>7695373</v>
      </c>
      <c r="W12" s="22">
        <v>773</v>
      </c>
      <c r="X12" s="22">
        <v>7696146</v>
      </c>
    </row>
    <row r="13" spans="1:24" hidden="1" x14ac:dyDescent="0.55000000000000004">
      <c r="A13" s="20"/>
      <c r="B13" s="21" t="s">
        <v>32</v>
      </c>
      <c r="C13" s="22">
        <v>1424234</v>
      </c>
      <c r="D13" s="22">
        <v>41722359</v>
      </c>
      <c r="E13" s="22">
        <v>198480</v>
      </c>
      <c r="F13" s="22">
        <v>41920839</v>
      </c>
      <c r="G13" s="22">
        <v>5685671</v>
      </c>
      <c r="H13" s="22">
        <v>3569</v>
      </c>
      <c r="I13" s="22">
        <v>199</v>
      </c>
      <c r="J13" s="22">
        <v>204461</v>
      </c>
      <c r="K13" s="22">
        <v>36090</v>
      </c>
      <c r="L13" s="22">
        <v>0</v>
      </c>
      <c r="M13" s="22">
        <v>5433</v>
      </c>
      <c r="N13" s="22">
        <v>47856262</v>
      </c>
      <c r="O13" s="22">
        <v>4386667</v>
      </c>
      <c r="P13" s="22">
        <v>644841</v>
      </c>
      <c r="Q13" s="22">
        <v>175</v>
      </c>
      <c r="R13" s="22">
        <v>48</v>
      </c>
      <c r="S13" s="22">
        <v>5031730</v>
      </c>
      <c r="T13" s="22">
        <v>175350</v>
      </c>
      <c r="U13" s="22">
        <v>53063342</v>
      </c>
      <c r="V13" s="22">
        <v>8286695</v>
      </c>
      <c r="W13" s="22">
        <v>637</v>
      </c>
      <c r="X13" s="22">
        <v>8287332</v>
      </c>
    </row>
    <row r="14" spans="1:24" hidden="1" x14ac:dyDescent="0.55000000000000004">
      <c r="A14" s="23"/>
      <c r="B14" s="21" t="s">
        <v>33</v>
      </c>
      <c r="C14" s="22">
        <v>1434417</v>
      </c>
      <c r="D14" s="22">
        <v>42303980</v>
      </c>
      <c r="E14" s="22">
        <v>200310</v>
      </c>
      <c r="F14" s="22">
        <v>42504289</v>
      </c>
      <c r="G14" s="22">
        <v>5852104</v>
      </c>
      <c r="H14" s="22">
        <v>3793</v>
      </c>
      <c r="I14" s="22">
        <v>185</v>
      </c>
      <c r="J14" s="22">
        <v>208348</v>
      </c>
      <c r="K14" s="22">
        <v>35485</v>
      </c>
      <c r="L14" s="22">
        <v>1</v>
      </c>
      <c r="M14" s="22">
        <v>4684</v>
      </c>
      <c r="N14" s="22">
        <v>48608890</v>
      </c>
      <c r="O14" s="22">
        <v>4166868</v>
      </c>
      <c r="P14" s="22">
        <v>658042</v>
      </c>
      <c r="Q14" s="22">
        <v>288</v>
      </c>
      <c r="R14" s="22">
        <v>65</v>
      </c>
      <c r="S14" s="22">
        <v>4825263</v>
      </c>
      <c r="T14" s="22">
        <v>174317</v>
      </c>
      <c r="U14" s="22">
        <v>53608471</v>
      </c>
      <c r="V14" s="22">
        <v>8437471</v>
      </c>
      <c r="W14" s="22">
        <v>706</v>
      </c>
      <c r="X14" s="22">
        <v>8438177</v>
      </c>
    </row>
    <row r="15" spans="1:24" hidden="1" x14ac:dyDescent="0.55000000000000004">
      <c r="A15" s="23"/>
      <c r="B15" s="21" t="s">
        <v>34</v>
      </c>
      <c r="C15" s="22">
        <v>1474671</v>
      </c>
      <c r="D15" s="22">
        <v>43281117</v>
      </c>
      <c r="E15" s="22">
        <v>208092</v>
      </c>
      <c r="F15" s="22">
        <v>43489208</v>
      </c>
      <c r="G15" s="22">
        <v>5907966</v>
      </c>
      <c r="H15" s="22">
        <v>3708</v>
      </c>
      <c r="I15" s="22">
        <v>399</v>
      </c>
      <c r="J15" s="22">
        <v>158270</v>
      </c>
      <c r="K15" s="22">
        <v>34685</v>
      </c>
      <c r="L15" s="22">
        <v>1</v>
      </c>
      <c r="M15" s="22">
        <v>8204</v>
      </c>
      <c r="N15" s="22">
        <v>49602441</v>
      </c>
      <c r="O15" s="22">
        <v>3560321</v>
      </c>
      <c r="P15" s="22">
        <v>570150</v>
      </c>
      <c r="Q15" s="22">
        <v>183</v>
      </c>
      <c r="R15" s="22">
        <v>16</v>
      </c>
      <c r="S15" s="22">
        <v>4130671</v>
      </c>
      <c r="T15" s="22">
        <v>88783</v>
      </c>
      <c r="U15" s="22">
        <v>53821895</v>
      </c>
      <c r="V15" s="22">
        <v>8386351</v>
      </c>
      <c r="W15" s="22">
        <v>609</v>
      </c>
      <c r="X15" s="22">
        <v>8386960</v>
      </c>
    </row>
    <row r="16" spans="1:24" hidden="1" x14ac:dyDescent="0.55000000000000004">
      <c r="A16" s="23"/>
      <c r="B16" s="21" t="s">
        <v>35</v>
      </c>
      <c r="C16" s="22">
        <v>1493146</v>
      </c>
      <c r="D16" s="22">
        <v>45196417</v>
      </c>
      <c r="E16" s="22">
        <v>199351</v>
      </c>
      <c r="F16" s="22">
        <v>45395768</v>
      </c>
      <c r="G16" s="22">
        <v>6642237</v>
      </c>
      <c r="H16" s="22">
        <v>3927</v>
      </c>
      <c r="I16" s="22">
        <v>337</v>
      </c>
      <c r="J16" s="22">
        <v>173401</v>
      </c>
      <c r="K16" s="22">
        <v>33775</v>
      </c>
      <c r="L16" s="22">
        <v>0</v>
      </c>
      <c r="M16" s="22">
        <v>5532</v>
      </c>
      <c r="N16" s="22">
        <v>52254977</v>
      </c>
      <c r="O16" s="22">
        <v>2978938</v>
      </c>
      <c r="P16" s="22">
        <v>523673</v>
      </c>
      <c r="Q16" s="22">
        <v>312</v>
      </c>
      <c r="R16" s="22">
        <v>16</v>
      </c>
      <c r="S16" s="22">
        <v>3502939</v>
      </c>
      <c r="T16" s="22">
        <v>145673</v>
      </c>
      <c r="U16" s="22">
        <v>55903589</v>
      </c>
      <c r="V16" s="22">
        <v>8276112</v>
      </c>
      <c r="W16" s="22">
        <v>561</v>
      </c>
      <c r="X16" s="22">
        <v>8276673</v>
      </c>
    </row>
    <row r="17" spans="1:24" hidden="1" x14ac:dyDescent="0.55000000000000004">
      <c r="A17" s="23"/>
      <c r="B17" s="21" t="s">
        <v>36</v>
      </c>
      <c r="C17" s="22">
        <v>1445963</v>
      </c>
      <c r="D17" s="22">
        <v>44460745</v>
      </c>
      <c r="E17" s="22">
        <v>196411</v>
      </c>
      <c r="F17" s="22">
        <v>44657157</v>
      </c>
      <c r="G17" s="22">
        <v>6812811</v>
      </c>
      <c r="H17" s="22">
        <v>4707</v>
      </c>
      <c r="I17" s="22">
        <v>182</v>
      </c>
      <c r="J17" s="22">
        <v>164070</v>
      </c>
      <c r="K17" s="22">
        <v>33720</v>
      </c>
      <c r="L17" s="22">
        <v>0</v>
      </c>
      <c r="M17" s="22">
        <v>6527</v>
      </c>
      <c r="N17" s="22">
        <v>51679174</v>
      </c>
      <c r="O17" s="22">
        <v>1791024</v>
      </c>
      <c r="P17" s="22">
        <v>346052</v>
      </c>
      <c r="Q17" s="22">
        <v>269</v>
      </c>
      <c r="R17" s="22">
        <v>16</v>
      </c>
      <c r="S17" s="22">
        <v>2137361</v>
      </c>
      <c r="T17" s="22">
        <v>139875</v>
      </c>
      <c r="U17" s="22">
        <v>53956410</v>
      </c>
      <c r="V17" s="22">
        <v>7896510</v>
      </c>
      <c r="W17" s="22">
        <v>571</v>
      </c>
      <c r="X17" s="22">
        <v>7897081</v>
      </c>
    </row>
    <row r="18" spans="1:24" x14ac:dyDescent="0.55000000000000004">
      <c r="A18" s="23"/>
      <c r="B18" s="21" t="s">
        <v>37</v>
      </c>
      <c r="C18" s="22">
        <v>1465627</v>
      </c>
      <c r="D18" s="22">
        <v>44579934</v>
      </c>
      <c r="E18" s="22">
        <v>171521</v>
      </c>
      <c r="F18" s="22">
        <v>44751455</v>
      </c>
      <c r="G18" s="22">
        <v>6920663</v>
      </c>
      <c r="H18" s="22">
        <v>2906</v>
      </c>
      <c r="I18" s="22">
        <v>216</v>
      </c>
      <c r="J18" s="22">
        <v>122511</v>
      </c>
      <c r="K18" s="22">
        <v>30780</v>
      </c>
      <c r="L18" s="22">
        <v>0</v>
      </c>
      <c r="M18" s="22">
        <v>9875</v>
      </c>
      <c r="N18" s="22">
        <v>51838406</v>
      </c>
      <c r="O18" s="22">
        <v>409067</v>
      </c>
      <c r="P18" s="22">
        <v>83425</v>
      </c>
      <c r="Q18" s="22">
        <v>53</v>
      </c>
      <c r="R18" s="22">
        <v>0</v>
      </c>
      <c r="S18" s="22">
        <v>492545</v>
      </c>
      <c r="T18" s="22">
        <v>135730</v>
      </c>
      <c r="U18" s="22">
        <v>52466681</v>
      </c>
      <c r="V18" s="22">
        <v>113444</v>
      </c>
      <c r="W18" s="22">
        <v>9</v>
      </c>
      <c r="X18" s="22">
        <v>113452</v>
      </c>
    </row>
    <row r="19" spans="1:24" x14ac:dyDescent="0.55000000000000004">
      <c r="A19" s="23"/>
      <c r="B19" s="21" t="s">
        <v>62</v>
      </c>
      <c r="C19" s="22">
        <v>1473635</v>
      </c>
      <c r="D19" s="22">
        <v>44958526</v>
      </c>
      <c r="E19" s="22">
        <v>172704</v>
      </c>
      <c r="F19" s="22">
        <v>45131230</v>
      </c>
      <c r="G19" s="22">
        <v>7058515</v>
      </c>
      <c r="H19" s="22">
        <v>6081</v>
      </c>
      <c r="I19" s="22">
        <v>220</v>
      </c>
      <c r="J19" s="22">
        <v>109559</v>
      </c>
      <c r="K19" s="22">
        <v>29740</v>
      </c>
      <c r="L19" s="22">
        <v>0</v>
      </c>
      <c r="M19" s="22">
        <v>5248</v>
      </c>
      <c r="N19" s="22">
        <v>52340594</v>
      </c>
      <c r="O19" s="22">
        <v>82781</v>
      </c>
      <c r="P19" s="22">
        <v>17143</v>
      </c>
      <c r="Q19" s="22">
        <v>196</v>
      </c>
      <c r="R19" s="22">
        <v>0</v>
      </c>
      <c r="S19" s="22">
        <v>100120</v>
      </c>
      <c r="T19" s="22">
        <v>133980</v>
      </c>
      <c r="U19" s="22">
        <v>52574694</v>
      </c>
      <c r="V19" s="22">
        <v>119427</v>
      </c>
      <c r="W19" s="22">
        <v>9</v>
      </c>
      <c r="X19" s="22">
        <v>119435</v>
      </c>
    </row>
    <row r="20" spans="1:24" x14ac:dyDescent="0.55000000000000004">
      <c r="A20" s="23"/>
      <c r="B20" s="21" t="s">
        <v>38</v>
      </c>
      <c r="C20" s="22">
        <v>1798401</v>
      </c>
      <c r="D20" s="22">
        <v>44154880</v>
      </c>
      <c r="E20" s="22">
        <v>148487</v>
      </c>
      <c r="F20" s="22">
        <v>44303367</v>
      </c>
      <c r="G20" s="22">
        <v>7013444</v>
      </c>
      <c r="H20" s="22">
        <v>7381</v>
      </c>
      <c r="I20" s="22">
        <v>388</v>
      </c>
      <c r="J20" s="22">
        <v>96697</v>
      </c>
      <c r="K20" s="22">
        <v>31290</v>
      </c>
      <c r="L20" s="22">
        <v>0</v>
      </c>
      <c r="M20" s="22">
        <v>4811</v>
      </c>
      <c r="N20" s="22">
        <v>51457378</v>
      </c>
      <c r="O20" s="22">
        <v>5503</v>
      </c>
      <c r="P20" s="22">
        <v>1212</v>
      </c>
      <c r="Q20" s="22">
        <v>9</v>
      </c>
      <c r="R20" s="22">
        <v>0</v>
      </c>
      <c r="S20" s="22">
        <v>6724</v>
      </c>
      <c r="T20" s="22">
        <v>152898</v>
      </c>
      <c r="U20" s="22">
        <v>51617000</v>
      </c>
      <c r="V20" s="22">
        <v>114555</v>
      </c>
      <c r="W20" s="22">
        <v>8</v>
      </c>
      <c r="X20" s="22">
        <v>114563</v>
      </c>
    </row>
    <row r="21" spans="1:24" x14ac:dyDescent="0.55000000000000004">
      <c r="A21" s="23"/>
      <c r="B21" s="21" t="s">
        <v>39</v>
      </c>
      <c r="C21" s="22">
        <v>1893776</v>
      </c>
      <c r="D21" s="22">
        <v>45480670</v>
      </c>
      <c r="E21" s="22">
        <v>153017</v>
      </c>
      <c r="F21" s="22">
        <v>45633687</v>
      </c>
      <c r="G21" s="22">
        <v>7235475</v>
      </c>
      <c r="H21" s="22">
        <v>9014</v>
      </c>
      <c r="I21" s="22">
        <v>341</v>
      </c>
      <c r="J21" s="22">
        <v>97627</v>
      </c>
      <c r="K21" s="22">
        <v>31750</v>
      </c>
      <c r="L21" s="22">
        <v>0</v>
      </c>
      <c r="M21" s="22">
        <v>6727</v>
      </c>
      <c r="N21" s="22">
        <v>53014620</v>
      </c>
      <c r="O21" s="22">
        <v>3662</v>
      </c>
      <c r="P21" s="22">
        <v>619</v>
      </c>
      <c r="Q21" s="22">
        <v>0</v>
      </c>
      <c r="R21" s="22">
        <v>0</v>
      </c>
      <c r="S21" s="22">
        <v>4281</v>
      </c>
      <c r="T21" s="22">
        <v>158776</v>
      </c>
      <c r="U21" s="22">
        <v>53177677</v>
      </c>
      <c r="V21" s="22">
        <v>112675</v>
      </c>
      <c r="W21" s="22">
        <v>8</v>
      </c>
      <c r="X21" s="22">
        <v>112682</v>
      </c>
    </row>
    <row r="22" spans="1:24" x14ac:dyDescent="0.55000000000000004">
      <c r="A22" s="24"/>
      <c r="B22" s="25" t="s">
        <v>63</v>
      </c>
      <c r="C22" s="35">
        <v>1874201</v>
      </c>
      <c r="D22" s="35">
        <v>44187452</v>
      </c>
      <c r="E22" s="35">
        <v>143092</v>
      </c>
      <c r="F22" s="35">
        <v>44330544</v>
      </c>
      <c r="G22" s="35">
        <v>6946297</v>
      </c>
      <c r="H22" s="35">
        <v>8774</v>
      </c>
      <c r="I22" s="35">
        <v>89</v>
      </c>
      <c r="J22" s="35">
        <v>101388</v>
      </c>
      <c r="K22" s="35">
        <v>32160</v>
      </c>
      <c r="L22" s="35">
        <v>0</v>
      </c>
      <c r="M22" s="35">
        <v>10100</v>
      </c>
      <c r="N22" s="35">
        <v>51429352</v>
      </c>
      <c r="O22" s="35">
        <v>845</v>
      </c>
      <c r="P22" s="35">
        <v>220</v>
      </c>
      <c r="Q22" s="35">
        <v>0</v>
      </c>
      <c r="R22" s="35">
        <v>0</v>
      </c>
      <c r="S22" s="35">
        <v>1065</v>
      </c>
      <c r="T22" s="35">
        <v>155578</v>
      </c>
      <c r="U22" s="35">
        <v>51585995</v>
      </c>
      <c r="V22" s="35">
        <v>111615</v>
      </c>
      <c r="W22" s="35">
        <v>8</v>
      </c>
      <c r="X22" s="35">
        <v>111623</v>
      </c>
    </row>
    <row r="23" spans="1:24" x14ac:dyDescent="0.55000000000000004">
      <c r="A23" s="24">
        <v>1</v>
      </c>
      <c r="B23" s="26" t="s">
        <v>40</v>
      </c>
      <c r="C23" s="35">
        <v>298448</v>
      </c>
      <c r="D23" s="35">
        <v>11464770</v>
      </c>
      <c r="E23" s="35">
        <v>46007</v>
      </c>
      <c r="F23" s="35">
        <v>11510778</v>
      </c>
      <c r="G23" s="35">
        <v>1794556</v>
      </c>
      <c r="H23" s="35">
        <v>2406</v>
      </c>
      <c r="I23" s="35">
        <v>0</v>
      </c>
      <c r="J23" s="35">
        <v>30558</v>
      </c>
      <c r="K23" s="35">
        <v>7710</v>
      </c>
      <c r="L23" s="35">
        <v>0</v>
      </c>
      <c r="M23" s="35">
        <v>1605</v>
      </c>
      <c r="N23" s="35">
        <v>13347613</v>
      </c>
      <c r="O23" s="35">
        <v>0</v>
      </c>
      <c r="P23" s="35">
        <v>0</v>
      </c>
      <c r="Q23" s="35">
        <v>0</v>
      </c>
      <c r="R23" s="35">
        <v>0</v>
      </c>
      <c r="S23" s="35">
        <v>0</v>
      </c>
      <c r="T23" s="35">
        <v>42344</v>
      </c>
      <c r="U23" s="35">
        <v>13389957</v>
      </c>
      <c r="V23" s="35" t="s">
        <v>41</v>
      </c>
      <c r="W23" s="35" t="s">
        <v>41</v>
      </c>
      <c r="X23" s="35" t="s">
        <v>41</v>
      </c>
    </row>
    <row r="24" spans="1:24" x14ac:dyDescent="0.55000000000000004">
      <c r="A24" s="27">
        <v>2</v>
      </c>
      <c r="B24" s="28" t="s">
        <v>42</v>
      </c>
      <c r="C24" s="36">
        <v>143904</v>
      </c>
      <c r="D24" s="36">
        <v>3674516</v>
      </c>
      <c r="E24" s="36">
        <v>6100</v>
      </c>
      <c r="F24" s="36">
        <v>3680617</v>
      </c>
      <c r="G24" s="36">
        <v>561327</v>
      </c>
      <c r="H24" s="36">
        <v>1116</v>
      </c>
      <c r="I24" s="36">
        <v>0</v>
      </c>
      <c r="J24" s="36">
        <v>4200</v>
      </c>
      <c r="K24" s="36">
        <v>3210</v>
      </c>
      <c r="L24" s="36">
        <v>0</v>
      </c>
      <c r="M24" s="36">
        <v>425</v>
      </c>
      <c r="N24" s="36">
        <v>4250895</v>
      </c>
      <c r="O24" s="36">
        <v>0</v>
      </c>
      <c r="P24" s="36">
        <v>0</v>
      </c>
      <c r="Q24" s="36">
        <v>0</v>
      </c>
      <c r="R24" s="36">
        <v>0</v>
      </c>
      <c r="S24" s="36">
        <v>0</v>
      </c>
      <c r="T24" s="36">
        <v>12760</v>
      </c>
      <c r="U24" s="36">
        <v>4263655</v>
      </c>
      <c r="V24" s="36" t="s">
        <v>41</v>
      </c>
      <c r="W24" s="36" t="s">
        <v>41</v>
      </c>
      <c r="X24" s="36" t="s">
        <v>41</v>
      </c>
    </row>
    <row r="25" spans="1:24" x14ac:dyDescent="0.55000000000000004">
      <c r="A25" s="27">
        <v>3</v>
      </c>
      <c r="B25" s="28" t="s">
        <v>43</v>
      </c>
      <c r="C25" s="36">
        <v>354198</v>
      </c>
      <c r="D25" s="36">
        <v>10585631</v>
      </c>
      <c r="E25" s="36">
        <v>31971</v>
      </c>
      <c r="F25" s="36">
        <v>10617603</v>
      </c>
      <c r="G25" s="36">
        <v>1652827</v>
      </c>
      <c r="H25" s="36">
        <v>2594</v>
      </c>
      <c r="I25" s="36">
        <v>0</v>
      </c>
      <c r="J25" s="36">
        <v>25564</v>
      </c>
      <c r="K25" s="36">
        <v>7530</v>
      </c>
      <c r="L25" s="36">
        <v>0</v>
      </c>
      <c r="M25" s="36">
        <v>1651</v>
      </c>
      <c r="N25" s="36">
        <v>12307769</v>
      </c>
      <c r="O25" s="36">
        <v>0</v>
      </c>
      <c r="P25" s="36">
        <v>0</v>
      </c>
      <c r="Q25" s="36">
        <v>0</v>
      </c>
      <c r="R25" s="36">
        <v>0</v>
      </c>
      <c r="S25" s="36">
        <v>0</v>
      </c>
      <c r="T25" s="36">
        <v>38258</v>
      </c>
      <c r="U25" s="36">
        <v>12346027</v>
      </c>
      <c r="V25" s="36" t="s">
        <v>41</v>
      </c>
      <c r="W25" s="36" t="s">
        <v>41</v>
      </c>
      <c r="X25" s="36" t="s">
        <v>41</v>
      </c>
    </row>
    <row r="26" spans="1:24" x14ac:dyDescent="0.55000000000000004">
      <c r="A26" s="27">
        <v>4</v>
      </c>
      <c r="B26" s="28" t="s">
        <v>44</v>
      </c>
      <c r="C26" s="36">
        <v>85949</v>
      </c>
      <c r="D26" s="36">
        <v>2976855</v>
      </c>
      <c r="E26" s="36">
        <v>15794</v>
      </c>
      <c r="F26" s="36">
        <v>2992649</v>
      </c>
      <c r="G26" s="36">
        <v>443441</v>
      </c>
      <c r="H26" s="36">
        <v>468</v>
      </c>
      <c r="I26" s="36">
        <v>0</v>
      </c>
      <c r="J26" s="36">
        <v>5777</v>
      </c>
      <c r="K26" s="36">
        <v>2490</v>
      </c>
      <c r="L26" s="36">
        <v>0</v>
      </c>
      <c r="M26" s="36">
        <v>472</v>
      </c>
      <c r="N26" s="36">
        <v>3445298</v>
      </c>
      <c r="O26" s="36">
        <v>0</v>
      </c>
      <c r="P26" s="36">
        <v>0</v>
      </c>
      <c r="Q26" s="36">
        <v>0</v>
      </c>
      <c r="R26" s="36">
        <v>0</v>
      </c>
      <c r="S26" s="36">
        <v>0</v>
      </c>
      <c r="T26" s="36">
        <v>12362</v>
      </c>
      <c r="U26" s="36">
        <v>3457660</v>
      </c>
      <c r="V26" s="36" t="s">
        <v>41</v>
      </c>
      <c r="W26" s="36" t="s">
        <v>41</v>
      </c>
      <c r="X26" s="36" t="s">
        <v>41</v>
      </c>
    </row>
    <row r="27" spans="1:24" x14ac:dyDescent="0.55000000000000004">
      <c r="A27" s="27">
        <v>5</v>
      </c>
      <c r="B27" s="28" t="s">
        <v>45</v>
      </c>
      <c r="C27" s="36">
        <v>89000</v>
      </c>
      <c r="D27" s="36">
        <v>2600935</v>
      </c>
      <c r="E27" s="36">
        <v>8743</v>
      </c>
      <c r="F27" s="36">
        <v>2609679</v>
      </c>
      <c r="G27" s="36">
        <v>414013</v>
      </c>
      <c r="H27" s="36">
        <v>362</v>
      </c>
      <c r="I27" s="36">
        <v>0</v>
      </c>
      <c r="J27" s="36">
        <v>5028</v>
      </c>
      <c r="K27" s="36">
        <v>1920</v>
      </c>
      <c r="L27" s="36">
        <v>0</v>
      </c>
      <c r="M27" s="36">
        <v>150</v>
      </c>
      <c r="N27" s="36">
        <v>3031152</v>
      </c>
      <c r="O27" s="36">
        <v>0</v>
      </c>
      <c r="P27" s="36">
        <v>0</v>
      </c>
      <c r="Q27" s="36">
        <v>0</v>
      </c>
      <c r="R27" s="36">
        <v>0</v>
      </c>
      <c r="S27" s="36">
        <v>0</v>
      </c>
      <c r="T27" s="36">
        <v>9566</v>
      </c>
      <c r="U27" s="36">
        <v>3040719</v>
      </c>
      <c r="V27" s="36" t="s">
        <v>41</v>
      </c>
      <c r="W27" s="36" t="s">
        <v>41</v>
      </c>
      <c r="X27" s="36" t="s">
        <v>41</v>
      </c>
    </row>
    <row r="28" spans="1:24" x14ac:dyDescent="0.55000000000000004">
      <c r="A28" s="27">
        <v>6</v>
      </c>
      <c r="B28" s="28" t="s">
        <v>46</v>
      </c>
      <c r="C28" s="36">
        <v>88010</v>
      </c>
      <c r="D28" s="36">
        <v>2568266</v>
      </c>
      <c r="E28" s="36">
        <v>7452</v>
      </c>
      <c r="F28" s="36">
        <v>2575718</v>
      </c>
      <c r="G28" s="36">
        <v>425406</v>
      </c>
      <c r="H28" s="36">
        <v>327</v>
      </c>
      <c r="I28" s="36">
        <v>0</v>
      </c>
      <c r="J28" s="36">
        <v>4290</v>
      </c>
      <c r="K28" s="36">
        <v>1710</v>
      </c>
      <c r="L28" s="36">
        <v>0</v>
      </c>
      <c r="M28" s="36">
        <v>108</v>
      </c>
      <c r="N28" s="36">
        <v>3007559</v>
      </c>
      <c r="O28" s="36">
        <v>0</v>
      </c>
      <c r="P28" s="36">
        <v>0</v>
      </c>
      <c r="Q28" s="36">
        <v>0</v>
      </c>
      <c r="R28" s="36">
        <v>0</v>
      </c>
      <c r="S28" s="36">
        <v>0</v>
      </c>
      <c r="T28" s="36">
        <v>8086</v>
      </c>
      <c r="U28" s="36">
        <v>3015645</v>
      </c>
      <c r="V28" s="36" t="s">
        <v>41</v>
      </c>
      <c r="W28" s="36" t="s">
        <v>41</v>
      </c>
      <c r="X28" s="36" t="s">
        <v>41</v>
      </c>
    </row>
    <row r="29" spans="1:24" x14ac:dyDescent="0.55000000000000004">
      <c r="A29" s="27">
        <v>7</v>
      </c>
      <c r="B29" s="28" t="s">
        <v>47</v>
      </c>
      <c r="C29" s="36">
        <v>70130</v>
      </c>
      <c r="D29" s="36">
        <v>1918044</v>
      </c>
      <c r="E29" s="36">
        <v>7668</v>
      </c>
      <c r="F29" s="36">
        <v>1925712</v>
      </c>
      <c r="G29" s="36">
        <v>325902</v>
      </c>
      <c r="H29" s="36">
        <v>507</v>
      </c>
      <c r="I29" s="36">
        <v>0</v>
      </c>
      <c r="J29" s="36">
        <v>3780</v>
      </c>
      <c r="K29" s="36">
        <v>1470</v>
      </c>
      <c r="L29" s="36">
        <v>0</v>
      </c>
      <c r="M29" s="36">
        <v>120</v>
      </c>
      <c r="N29" s="36">
        <v>2257490</v>
      </c>
      <c r="O29" s="36">
        <v>845</v>
      </c>
      <c r="P29" s="36">
        <v>220</v>
      </c>
      <c r="Q29" s="36">
        <v>0</v>
      </c>
      <c r="R29" s="36">
        <v>0</v>
      </c>
      <c r="S29" s="36">
        <v>1065</v>
      </c>
      <c r="T29" s="36">
        <v>5574</v>
      </c>
      <c r="U29" s="36">
        <v>2264129</v>
      </c>
      <c r="V29" s="36" t="s">
        <v>41</v>
      </c>
      <c r="W29" s="36" t="s">
        <v>41</v>
      </c>
      <c r="X29" s="36" t="s">
        <v>41</v>
      </c>
    </row>
    <row r="30" spans="1:24" x14ac:dyDescent="0.55000000000000004">
      <c r="A30" s="27">
        <v>36</v>
      </c>
      <c r="B30" s="28" t="s">
        <v>48</v>
      </c>
      <c r="C30" s="36">
        <v>65437</v>
      </c>
      <c r="D30" s="36">
        <v>291803</v>
      </c>
      <c r="E30" s="36">
        <v>592</v>
      </c>
      <c r="F30" s="36">
        <v>292395</v>
      </c>
      <c r="G30" s="36">
        <v>51104</v>
      </c>
      <c r="H30" s="36">
        <v>88</v>
      </c>
      <c r="I30" s="36">
        <v>0</v>
      </c>
      <c r="J30" s="36">
        <v>0</v>
      </c>
      <c r="K30" s="36">
        <v>180</v>
      </c>
      <c r="L30" s="36">
        <v>0</v>
      </c>
      <c r="M30" s="36">
        <v>0</v>
      </c>
      <c r="N30" s="36">
        <v>343767</v>
      </c>
      <c r="O30" s="36">
        <v>0</v>
      </c>
      <c r="P30" s="36">
        <v>0</v>
      </c>
      <c r="Q30" s="36">
        <v>0</v>
      </c>
      <c r="R30" s="36">
        <v>0</v>
      </c>
      <c r="S30" s="36">
        <v>0</v>
      </c>
      <c r="T30" s="36">
        <v>815</v>
      </c>
      <c r="U30" s="36">
        <v>344582</v>
      </c>
      <c r="V30" s="36" t="s">
        <v>41</v>
      </c>
      <c r="W30" s="36" t="s">
        <v>41</v>
      </c>
      <c r="X30" s="36" t="s">
        <v>41</v>
      </c>
    </row>
    <row r="31" spans="1:24" x14ac:dyDescent="0.55000000000000004">
      <c r="A31" s="27">
        <v>49</v>
      </c>
      <c r="B31" s="28" t="s">
        <v>49</v>
      </c>
      <c r="C31" s="36">
        <v>26029</v>
      </c>
      <c r="D31" s="36">
        <v>635328</v>
      </c>
      <c r="E31" s="36">
        <v>2931</v>
      </c>
      <c r="F31" s="36">
        <v>638259</v>
      </c>
      <c r="G31" s="36">
        <v>104109</v>
      </c>
      <c r="H31" s="36">
        <v>10</v>
      </c>
      <c r="I31" s="36">
        <v>0</v>
      </c>
      <c r="J31" s="36">
        <v>840</v>
      </c>
      <c r="K31" s="36">
        <v>270</v>
      </c>
      <c r="L31" s="36">
        <v>0</v>
      </c>
      <c r="M31" s="36">
        <v>67</v>
      </c>
      <c r="N31" s="36">
        <v>743555</v>
      </c>
      <c r="O31" s="36">
        <v>0</v>
      </c>
      <c r="P31" s="36">
        <v>0</v>
      </c>
      <c r="Q31" s="36">
        <v>0</v>
      </c>
      <c r="R31" s="36">
        <v>0</v>
      </c>
      <c r="S31" s="36">
        <v>0</v>
      </c>
      <c r="T31" s="36">
        <v>2287</v>
      </c>
      <c r="U31" s="36">
        <v>745842</v>
      </c>
      <c r="V31" s="36" t="s">
        <v>41</v>
      </c>
      <c r="W31" s="36" t="s">
        <v>41</v>
      </c>
      <c r="X31" s="36" t="s">
        <v>41</v>
      </c>
    </row>
    <row r="32" spans="1:24" x14ac:dyDescent="0.55000000000000004">
      <c r="A32" s="27">
        <v>57</v>
      </c>
      <c r="B32" s="28" t="s">
        <v>50</v>
      </c>
      <c r="C32" s="36">
        <v>14060</v>
      </c>
      <c r="D32" s="36">
        <v>191356</v>
      </c>
      <c r="E32" s="36">
        <v>1567</v>
      </c>
      <c r="F32" s="36">
        <v>192924</v>
      </c>
      <c r="G32" s="36">
        <v>29793</v>
      </c>
      <c r="H32" s="36">
        <v>0</v>
      </c>
      <c r="I32" s="36">
        <v>33</v>
      </c>
      <c r="J32" s="36">
        <v>0</v>
      </c>
      <c r="K32" s="36">
        <v>120</v>
      </c>
      <c r="L32" s="36">
        <v>0</v>
      </c>
      <c r="M32" s="36">
        <v>0</v>
      </c>
      <c r="N32" s="36">
        <v>222870</v>
      </c>
      <c r="O32" s="36">
        <v>0</v>
      </c>
      <c r="P32" s="36">
        <v>0</v>
      </c>
      <c r="Q32" s="36">
        <v>0</v>
      </c>
      <c r="R32" s="36">
        <v>0</v>
      </c>
      <c r="S32" s="36">
        <v>0</v>
      </c>
      <c r="T32" s="36">
        <v>374</v>
      </c>
      <c r="U32" s="36">
        <v>223244</v>
      </c>
      <c r="V32" s="36" t="s">
        <v>41</v>
      </c>
      <c r="W32" s="36" t="s">
        <v>41</v>
      </c>
      <c r="X32" s="36" t="s">
        <v>41</v>
      </c>
    </row>
    <row r="33" spans="1:24" x14ac:dyDescent="0.55000000000000004">
      <c r="A33" s="27">
        <v>58</v>
      </c>
      <c r="B33" s="28" t="s">
        <v>51</v>
      </c>
      <c r="C33" s="36">
        <v>7415</v>
      </c>
      <c r="D33" s="36">
        <v>251706</v>
      </c>
      <c r="E33" s="36">
        <v>482</v>
      </c>
      <c r="F33" s="36">
        <v>252188</v>
      </c>
      <c r="G33" s="36">
        <v>41376</v>
      </c>
      <c r="H33" s="36">
        <v>0</v>
      </c>
      <c r="I33" s="36">
        <v>0</v>
      </c>
      <c r="J33" s="36">
        <v>1681</v>
      </c>
      <c r="K33" s="36">
        <v>240</v>
      </c>
      <c r="L33" s="36">
        <v>0</v>
      </c>
      <c r="M33" s="36">
        <v>0</v>
      </c>
      <c r="N33" s="36">
        <v>295484</v>
      </c>
      <c r="O33" s="36">
        <v>0</v>
      </c>
      <c r="P33" s="36">
        <v>0</v>
      </c>
      <c r="Q33" s="36">
        <v>0</v>
      </c>
      <c r="R33" s="36">
        <v>0</v>
      </c>
      <c r="S33" s="36">
        <v>0</v>
      </c>
      <c r="T33" s="36">
        <v>663</v>
      </c>
      <c r="U33" s="36">
        <v>296147</v>
      </c>
      <c r="V33" s="36" t="s">
        <v>41</v>
      </c>
      <c r="W33" s="36" t="s">
        <v>41</v>
      </c>
      <c r="X33" s="36" t="s">
        <v>41</v>
      </c>
    </row>
    <row r="34" spans="1:24" x14ac:dyDescent="0.55000000000000004">
      <c r="A34" s="27">
        <v>59</v>
      </c>
      <c r="B34" s="28" t="s">
        <v>52</v>
      </c>
      <c r="C34" s="36">
        <v>8350</v>
      </c>
      <c r="D34" s="36">
        <v>59884</v>
      </c>
      <c r="E34" s="36">
        <v>43</v>
      </c>
      <c r="F34" s="36">
        <v>59927</v>
      </c>
      <c r="G34" s="36">
        <v>8417</v>
      </c>
      <c r="H34" s="36">
        <v>0</v>
      </c>
      <c r="I34" s="36">
        <v>24</v>
      </c>
      <c r="J34" s="36">
        <v>420</v>
      </c>
      <c r="K34" s="36">
        <v>0</v>
      </c>
      <c r="L34" s="36">
        <v>0</v>
      </c>
      <c r="M34" s="36">
        <v>0</v>
      </c>
      <c r="N34" s="36">
        <v>68788</v>
      </c>
      <c r="O34" s="36">
        <v>0</v>
      </c>
      <c r="P34" s="36">
        <v>0</v>
      </c>
      <c r="Q34" s="36">
        <v>0</v>
      </c>
      <c r="R34" s="36">
        <v>0</v>
      </c>
      <c r="S34" s="36">
        <v>0</v>
      </c>
      <c r="T34" s="36">
        <v>139</v>
      </c>
      <c r="U34" s="36">
        <v>68928</v>
      </c>
      <c r="V34" s="36" t="s">
        <v>41</v>
      </c>
      <c r="W34" s="36" t="s">
        <v>41</v>
      </c>
      <c r="X34" s="36" t="s">
        <v>41</v>
      </c>
    </row>
    <row r="35" spans="1:24" x14ac:dyDescent="0.55000000000000004">
      <c r="A35" s="27">
        <v>61</v>
      </c>
      <c r="B35" s="28" t="s">
        <v>53</v>
      </c>
      <c r="C35" s="36">
        <v>228585</v>
      </c>
      <c r="D35" s="36">
        <v>2559845</v>
      </c>
      <c r="E35" s="36">
        <v>6370</v>
      </c>
      <c r="F35" s="36">
        <v>2566216</v>
      </c>
      <c r="G35" s="36">
        <v>390419</v>
      </c>
      <c r="H35" s="36">
        <v>0</v>
      </c>
      <c r="I35" s="36">
        <v>0</v>
      </c>
      <c r="J35" s="36">
        <v>2940</v>
      </c>
      <c r="K35" s="36">
        <v>2190</v>
      </c>
      <c r="L35" s="36">
        <v>0</v>
      </c>
      <c r="M35" s="36">
        <v>174</v>
      </c>
      <c r="N35" s="36">
        <v>2961939</v>
      </c>
      <c r="O35" s="36">
        <v>0</v>
      </c>
      <c r="P35" s="36">
        <v>0</v>
      </c>
      <c r="Q35" s="36">
        <v>0</v>
      </c>
      <c r="R35" s="36">
        <v>0</v>
      </c>
      <c r="S35" s="36">
        <v>0</v>
      </c>
      <c r="T35" s="36">
        <v>8515</v>
      </c>
      <c r="U35" s="36">
        <v>2970454</v>
      </c>
      <c r="V35" s="36" t="s">
        <v>41</v>
      </c>
      <c r="W35" s="36" t="s">
        <v>41</v>
      </c>
      <c r="X35" s="36" t="s">
        <v>41</v>
      </c>
    </row>
    <row r="36" spans="1:24" x14ac:dyDescent="0.55000000000000004">
      <c r="A36" s="27">
        <v>81</v>
      </c>
      <c r="B36" s="28" t="s">
        <v>54</v>
      </c>
      <c r="C36" s="36">
        <v>41423</v>
      </c>
      <c r="D36" s="36">
        <v>949483</v>
      </c>
      <c r="E36" s="36">
        <v>1704</v>
      </c>
      <c r="F36" s="36">
        <v>951187</v>
      </c>
      <c r="G36" s="36">
        <v>157642</v>
      </c>
      <c r="H36" s="36">
        <v>119</v>
      </c>
      <c r="I36" s="36">
        <v>0</v>
      </c>
      <c r="J36" s="36">
        <v>2520</v>
      </c>
      <c r="K36" s="36">
        <v>780</v>
      </c>
      <c r="L36" s="36">
        <v>0</v>
      </c>
      <c r="M36" s="36">
        <v>56</v>
      </c>
      <c r="N36" s="36">
        <v>1112304</v>
      </c>
      <c r="O36" s="36">
        <v>0</v>
      </c>
      <c r="P36" s="36">
        <v>0</v>
      </c>
      <c r="Q36" s="36">
        <v>0</v>
      </c>
      <c r="R36" s="36">
        <v>0</v>
      </c>
      <c r="S36" s="36">
        <v>0</v>
      </c>
      <c r="T36" s="36">
        <v>3040</v>
      </c>
      <c r="U36" s="36">
        <v>1115345</v>
      </c>
      <c r="V36" s="36" t="s">
        <v>41</v>
      </c>
      <c r="W36" s="36" t="s">
        <v>41</v>
      </c>
      <c r="X36" s="36" t="s">
        <v>41</v>
      </c>
    </row>
    <row r="37" spans="1:24" x14ac:dyDescent="0.55000000000000004">
      <c r="A37" s="27">
        <v>82</v>
      </c>
      <c r="B37" s="28" t="s">
        <v>55</v>
      </c>
      <c r="C37" s="36">
        <v>48568</v>
      </c>
      <c r="D37" s="36">
        <v>371211</v>
      </c>
      <c r="E37" s="36">
        <v>1090</v>
      </c>
      <c r="F37" s="36">
        <v>372301</v>
      </c>
      <c r="G37" s="36">
        <v>57417</v>
      </c>
      <c r="H37" s="36">
        <v>49</v>
      </c>
      <c r="I37" s="36">
        <v>0</v>
      </c>
      <c r="J37" s="36">
        <v>802</v>
      </c>
      <c r="K37" s="36">
        <v>270</v>
      </c>
      <c r="L37" s="36">
        <v>0</v>
      </c>
      <c r="M37" s="36">
        <v>11</v>
      </c>
      <c r="N37" s="36">
        <v>430851</v>
      </c>
      <c r="O37" s="36">
        <v>0</v>
      </c>
      <c r="P37" s="36">
        <v>0</v>
      </c>
      <c r="Q37" s="36">
        <v>0</v>
      </c>
      <c r="R37" s="36">
        <v>0</v>
      </c>
      <c r="S37" s="36">
        <v>0</v>
      </c>
      <c r="T37" s="36">
        <v>1097</v>
      </c>
      <c r="U37" s="36">
        <v>431948</v>
      </c>
      <c r="V37" s="36" t="s">
        <v>41</v>
      </c>
      <c r="W37" s="36" t="s">
        <v>41</v>
      </c>
      <c r="X37" s="36" t="s">
        <v>41</v>
      </c>
    </row>
    <row r="38" spans="1:24" x14ac:dyDescent="0.55000000000000004">
      <c r="A38" s="27">
        <v>83</v>
      </c>
      <c r="B38" s="28" t="s">
        <v>56</v>
      </c>
      <c r="C38" s="36">
        <v>64949</v>
      </c>
      <c r="D38" s="36">
        <v>423419</v>
      </c>
      <c r="E38" s="36">
        <v>624</v>
      </c>
      <c r="F38" s="36">
        <v>424043</v>
      </c>
      <c r="G38" s="36">
        <v>66814</v>
      </c>
      <c r="H38" s="36">
        <v>31</v>
      </c>
      <c r="I38" s="36">
        <v>0</v>
      </c>
      <c r="J38" s="36">
        <v>0</v>
      </c>
      <c r="K38" s="36">
        <v>300</v>
      </c>
      <c r="L38" s="36">
        <v>0</v>
      </c>
      <c r="M38" s="36">
        <v>0</v>
      </c>
      <c r="N38" s="36">
        <v>491188</v>
      </c>
      <c r="O38" s="36">
        <v>0</v>
      </c>
      <c r="P38" s="36">
        <v>0</v>
      </c>
      <c r="Q38" s="36">
        <v>0</v>
      </c>
      <c r="R38" s="36">
        <v>0</v>
      </c>
      <c r="S38" s="36">
        <v>0</v>
      </c>
      <c r="T38" s="36">
        <v>1111</v>
      </c>
      <c r="U38" s="36">
        <v>492298</v>
      </c>
      <c r="V38" s="36" t="s">
        <v>41</v>
      </c>
      <c r="W38" s="36" t="s">
        <v>41</v>
      </c>
      <c r="X38" s="36" t="s">
        <v>41</v>
      </c>
    </row>
    <row r="39" spans="1:24" x14ac:dyDescent="0.55000000000000004">
      <c r="A39" s="27">
        <v>84</v>
      </c>
      <c r="B39" s="28" t="s">
        <v>57</v>
      </c>
      <c r="C39" s="36">
        <v>138670</v>
      </c>
      <c r="D39" s="36">
        <v>731877</v>
      </c>
      <c r="E39" s="36">
        <v>944</v>
      </c>
      <c r="F39" s="36">
        <v>732821</v>
      </c>
      <c r="G39" s="36">
        <v>106687</v>
      </c>
      <c r="H39" s="36">
        <v>76</v>
      </c>
      <c r="I39" s="36">
        <v>0</v>
      </c>
      <c r="J39" s="36">
        <v>1260</v>
      </c>
      <c r="K39" s="36">
        <v>510</v>
      </c>
      <c r="L39" s="36">
        <v>0</v>
      </c>
      <c r="M39" s="36">
        <v>70</v>
      </c>
      <c r="N39" s="36">
        <v>841423</v>
      </c>
      <c r="O39" s="36">
        <v>0</v>
      </c>
      <c r="P39" s="36">
        <v>0</v>
      </c>
      <c r="Q39" s="36">
        <v>0</v>
      </c>
      <c r="R39" s="36">
        <v>0</v>
      </c>
      <c r="S39" s="36">
        <v>0</v>
      </c>
      <c r="T39" s="36">
        <v>2551</v>
      </c>
      <c r="U39" s="36">
        <v>843974</v>
      </c>
      <c r="V39" s="36" t="s">
        <v>41</v>
      </c>
      <c r="W39" s="36" t="s">
        <v>41</v>
      </c>
      <c r="X39" s="36" t="s">
        <v>41</v>
      </c>
    </row>
    <row r="40" spans="1:24" x14ac:dyDescent="0.55000000000000004">
      <c r="A40" s="27">
        <v>85</v>
      </c>
      <c r="B40" s="28" t="s">
        <v>58</v>
      </c>
      <c r="C40" s="36">
        <v>31201</v>
      </c>
      <c r="D40" s="36">
        <v>455246</v>
      </c>
      <c r="E40" s="36">
        <v>441</v>
      </c>
      <c r="F40" s="36">
        <v>455687</v>
      </c>
      <c r="G40" s="36">
        <v>78544</v>
      </c>
      <c r="H40" s="36">
        <v>5</v>
      </c>
      <c r="I40" s="36">
        <v>0</v>
      </c>
      <c r="J40" s="36">
        <v>1248</v>
      </c>
      <c r="K40" s="36">
        <v>300</v>
      </c>
      <c r="L40" s="36">
        <v>0</v>
      </c>
      <c r="M40" s="36">
        <v>22</v>
      </c>
      <c r="N40" s="36">
        <v>535807</v>
      </c>
      <c r="O40" s="36">
        <v>0</v>
      </c>
      <c r="P40" s="36">
        <v>0</v>
      </c>
      <c r="Q40" s="36">
        <v>0</v>
      </c>
      <c r="R40" s="36">
        <v>0</v>
      </c>
      <c r="S40" s="36">
        <v>0</v>
      </c>
      <c r="T40" s="36">
        <v>1634</v>
      </c>
      <c r="U40" s="36">
        <v>537440</v>
      </c>
      <c r="V40" s="36" t="s">
        <v>41</v>
      </c>
      <c r="W40" s="36" t="s">
        <v>41</v>
      </c>
      <c r="X40" s="36" t="s">
        <v>41</v>
      </c>
    </row>
    <row r="41" spans="1:24" x14ac:dyDescent="0.55000000000000004">
      <c r="A41" s="27">
        <v>86</v>
      </c>
      <c r="B41" s="28" t="s">
        <v>59</v>
      </c>
      <c r="C41" s="36">
        <v>40364</v>
      </c>
      <c r="D41" s="36">
        <v>1192329</v>
      </c>
      <c r="E41" s="36">
        <v>2135</v>
      </c>
      <c r="F41" s="36">
        <v>1194464</v>
      </c>
      <c r="G41" s="36">
        <v>210366</v>
      </c>
      <c r="H41" s="36">
        <v>617</v>
      </c>
      <c r="I41" s="36">
        <v>32</v>
      </c>
      <c r="J41" s="36">
        <v>1658</v>
      </c>
      <c r="K41" s="36">
        <v>960</v>
      </c>
      <c r="L41" s="36">
        <v>0</v>
      </c>
      <c r="M41" s="36">
        <v>115</v>
      </c>
      <c r="N41" s="36">
        <v>1408212</v>
      </c>
      <c r="O41" s="36">
        <v>0</v>
      </c>
      <c r="P41" s="36">
        <v>0</v>
      </c>
      <c r="Q41" s="36">
        <v>0</v>
      </c>
      <c r="R41" s="36">
        <v>0</v>
      </c>
      <c r="S41" s="36">
        <v>0</v>
      </c>
      <c r="T41" s="36">
        <v>2940</v>
      </c>
      <c r="U41" s="36">
        <v>1411152</v>
      </c>
      <c r="V41" s="36" t="s">
        <v>41</v>
      </c>
      <c r="W41" s="36" t="s">
        <v>41</v>
      </c>
      <c r="X41" s="36" t="s">
        <v>41</v>
      </c>
    </row>
    <row r="42" spans="1:24" x14ac:dyDescent="0.55000000000000004">
      <c r="A42" s="27"/>
      <c r="B42" s="29"/>
      <c r="C42" s="36"/>
      <c r="D42" s="36"/>
      <c r="E42" s="36"/>
      <c r="F42" s="36"/>
      <c r="G42" s="36"/>
      <c r="H42" s="36"/>
      <c r="I42" s="36"/>
      <c r="J42" s="36"/>
      <c r="K42" s="36"/>
      <c r="L42" s="36"/>
      <c r="M42" s="36"/>
      <c r="N42" s="36"/>
      <c r="O42" s="36"/>
      <c r="P42" s="36"/>
      <c r="Q42" s="36"/>
      <c r="R42" s="36"/>
      <c r="S42" s="36"/>
      <c r="T42" s="36"/>
      <c r="U42" s="36"/>
      <c r="V42" s="36"/>
      <c r="W42" s="36"/>
      <c r="X42" s="36"/>
    </row>
    <row r="43" spans="1:24" x14ac:dyDescent="0.55000000000000004">
      <c r="A43" s="24">
        <v>999</v>
      </c>
      <c r="B43" s="30" t="s">
        <v>60</v>
      </c>
      <c r="C43" s="35">
        <v>1844689</v>
      </c>
      <c r="D43" s="35">
        <v>43902506</v>
      </c>
      <c r="E43" s="35">
        <v>142660</v>
      </c>
      <c r="F43" s="35">
        <v>44045166</v>
      </c>
      <c r="G43" s="35">
        <v>6920163</v>
      </c>
      <c r="H43" s="35">
        <v>8774</v>
      </c>
      <c r="I43" s="35">
        <v>89</v>
      </c>
      <c r="J43" s="35">
        <v>92568</v>
      </c>
      <c r="K43" s="35">
        <v>32160</v>
      </c>
      <c r="L43" s="35">
        <v>0</v>
      </c>
      <c r="M43" s="35">
        <v>5046</v>
      </c>
      <c r="N43" s="35">
        <v>51103965</v>
      </c>
      <c r="O43" s="35">
        <v>845</v>
      </c>
      <c r="P43" s="35">
        <v>220</v>
      </c>
      <c r="Q43" s="35">
        <v>0</v>
      </c>
      <c r="R43" s="35">
        <v>0</v>
      </c>
      <c r="S43" s="35">
        <v>1065</v>
      </c>
      <c r="T43" s="35">
        <v>154116</v>
      </c>
      <c r="U43" s="35">
        <v>51259146</v>
      </c>
      <c r="V43" s="35" t="s">
        <v>41</v>
      </c>
      <c r="W43" s="35" t="s">
        <v>41</v>
      </c>
      <c r="X43" s="35" t="s">
        <v>41</v>
      </c>
    </row>
    <row r="44" spans="1:24" x14ac:dyDescent="0.55000000000000004">
      <c r="A44" s="24"/>
      <c r="B44" s="30"/>
      <c r="C44" s="35"/>
      <c r="D44" s="35"/>
      <c r="E44" s="35"/>
      <c r="F44" s="35"/>
      <c r="G44" s="35"/>
      <c r="H44" s="35"/>
      <c r="I44" s="35"/>
      <c r="J44" s="35"/>
      <c r="K44" s="35"/>
      <c r="L44" s="35"/>
      <c r="M44" s="35"/>
      <c r="N44" s="35"/>
      <c r="O44" s="35"/>
      <c r="P44" s="35"/>
      <c r="Q44" s="35"/>
      <c r="R44" s="35"/>
      <c r="S44" s="35"/>
      <c r="T44" s="35"/>
      <c r="U44" s="35"/>
      <c r="V44" s="35"/>
      <c r="W44" s="35"/>
      <c r="X44" s="35"/>
    </row>
    <row r="45" spans="1:24" x14ac:dyDescent="0.55000000000000004">
      <c r="A45" s="24">
        <v>301</v>
      </c>
      <c r="B45" s="26" t="s">
        <v>61</v>
      </c>
      <c r="C45" s="35">
        <v>29511</v>
      </c>
      <c r="D45" s="35">
        <v>284947</v>
      </c>
      <c r="E45" s="35">
        <v>432</v>
      </c>
      <c r="F45" s="35">
        <v>285378</v>
      </c>
      <c r="G45" s="35">
        <v>26134</v>
      </c>
      <c r="H45" s="35">
        <v>0</v>
      </c>
      <c r="I45" s="35">
        <v>0</v>
      </c>
      <c r="J45" s="35">
        <v>8820</v>
      </c>
      <c r="K45" s="35">
        <v>0</v>
      </c>
      <c r="L45" s="35">
        <v>0</v>
      </c>
      <c r="M45" s="35">
        <v>5054</v>
      </c>
      <c r="N45" s="35">
        <v>325387</v>
      </c>
      <c r="O45" s="35" t="s">
        <v>41</v>
      </c>
      <c r="P45" s="35" t="s">
        <v>41</v>
      </c>
      <c r="Q45" s="35" t="s">
        <v>41</v>
      </c>
      <c r="R45" s="35" t="s">
        <v>41</v>
      </c>
      <c r="S45" s="35" t="s">
        <v>41</v>
      </c>
      <c r="T45" s="35">
        <v>1462</v>
      </c>
      <c r="U45" s="35">
        <v>326849</v>
      </c>
      <c r="V45" s="35">
        <v>111615</v>
      </c>
      <c r="W45" s="35">
        <v>8</v>
      </c>
      <c r="X45" s="35">
        <v>111623</v>
      </c>
    </row>
  </sheetData>
  <mergeCells count="12">
    <mergeCell ref="W4:W5"/>
    <mergeCell ref="X4:X5"/>
    <mergeCell ref="A3:A5"/>
    <mergeCell ref="B3:B5"/>
    <mergeCell ref="C3:C5"/>
    <mergeCell ref="D3:U3"/>
    <mergeCell ref="V3:X3"/>
    <mergeCell ref="D4:N4"/>
    <mergeCell ref="O4:S4"/>
    <mergeCell ref="T4:T5"/>
    <mergeCell ref="U4:U5"/>
    <mergeCell ref="V4:V5"/>
  </mergeCells>
  <phoneticPr fontId="2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永江　道子</dc:creator>
  <cp:lastModifiedBy>永江　道子</cp:lastModifiedBy>
  <dcterms:created xsi:type="dcterms:W3CDTF">2025-04-17T05:51:13Z</dcterms:created>
  <dcterms:modified xsi:type="dcterms:W3CDTF">2025-04-17T05:59:04Z</dcterms:modified>
</cp:coreProperties>
</file>